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7\HP2407\"/>
    </mc:Choice>
  </mc:AlternateContent>
  <xr:revisionPtr revIDLastSave="0" documentId="8_{B452F7A2-1242-4FEF-A7FE-E2F8E17F1573}" xr6:coauthVersionLast="47" xr6:coauthVersionMax="47" xr10:uidLastSave="{00000000-0000-0000-0000-000000000000}"/>
  <bookViews>
    <workbookView xWindow="-108" yWindow="-108" windowWidth="23256" windowHeight="12576" xr2:uid="{09B80A76-6522-4686-B800-CDF93B50F535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3" uniqueCount="34">
  <si>
    <t>富山市の人口</t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D884BF96-0306-4833-934E-B99F457BAC1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40E4A0-7EC7-417F-9B3C-A212BFFFB8E9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7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666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4929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7696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233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>
        <v>75</v>
      </c>
      <c r="C19" s="55">
        <v>90</v>
      </c>
      <c r="D19" s="56">
        <v>165</v>
      </c>
      <c r="E19" s="55">
        <v>224</v>
      </c>
      <c r="F19" s="55">
        <v>218</v>
      </c>
      <c r="G19" s="56">
        <v>442</v>
      </c>
      <c r="H19" s="56">
        <v>-277</v>
      </c>
      <c r="I19" s="55">
        <v>325</v>
      </c>
      <c r="J19" s="55">
        <v>102</v>
      </c>
      <c r="K19" s="55">
        <v>109</v>
      </c>
      <c r="L19" s="56">
        <v>211</v>
      </c>
      <c r="M19" s="55">
        <v>448</v>
      </c>
      <c r="N19" s="55">
        <v>328</v>
      </c>
      <c r="O19" s="55">
        <v>262</v>
      </c>
      <c r="P19" s="56">
        <v>590</v>
      </c>
      <c r="Q19" s="56">
        <v>801</v>
      </c>
      <c r="R19" s="55">
        <v>382</v>
      </c>
      <c r="S19" s="55">
        <v>117</v>
      </c>
      <c r="T19" s="55">
        <v>120</v>
      </c>
      <c r="U19" s="56">
        <v>237</v>
      </c>
      <c r="V19" s="55">
        <v>322</v>
      </c>
      <c r="W19" s="55">
        <v>312</v>
      </c>
      <c r="X19" s="55">
        <v>215</v>
      </c>
      <c r="Y19" s="56">
        <v>527</v>
      </c>
      <c r="Z19" s="56">
        <v>764</v>
      </c>
      <c r="AA19" s="56">
        <v>37</v>
      </c>
      <c r="AB19" s="56">
        <v>-240</v>
      </c>
      <c r="AC19" s="57">
        <v>185264</v>
      </c>
      <c r="AD19" s="57">
        <v>198008</v>
      </c>
      <c r="AE19" s="57">
        <v>207845</v>
      </c>
      <c r="AF19" s="58">
        <v>405853</v>
      </c>
    </row>
    <row r="20" spans="1:32" ht="20.100000000000001" customHeight="1" x14ac:dyDescent="0.2">
      <c r="A20" s="54">
        <v>3</v>
      </c>
      <c r="B20" s="55">
        <v>75</v>
      </c>
      <c r="C20" s="55">
        <v>83</v>
      </c>
      <c r="D20" s="56">
        <v>158</v>
      </c>
      <c r="E20" s="55">
        <v>241</v>
      </c>
      <c r="F20" s="55">
        <v>241</v>
      </c>
      <c r="G20" s="56">
        <v>482</v>
      </c>
      <c r="H20" s="56">
        <v>-324</v>
      </c>
      <c r="I20" s="55">
        <v>585</v>
      </c>
      <c r="J20" s="55">
        <v>249</v>
      </c>
      <c r="K20" s="55">
        <v>259</v>
      </c>
      <c r="L20" s="56">
        <v>508</v>
      </c>
      <c r="M20" s="55">
        <v>1143</v>
      </c>
      <c r="N20" s="55">
        <v>982</v>
      </c>
      <c r="O20" s="55">
        <v>687</v>
      </c>
      <c r="P20" s="56">
        <v>1669</v>
      </c>
      <c r="Q20" s="56">
        <v>2177</v>
      </c>
      <c r="R20" s="55">
        <v>517</v>
      </c>
      <c r="S20" s="55">
        <v>257</v>
      </c>
      <c r="T20" s="55">
        <v>208</v>
      </c>
      <c r="U20" s="56">
        <v>465</v>
      </c>
      <c r="V20" s="55">
        <v>984</v>
      </c>
      <c r="W20" s="55">
        <v>1325</v>
      </c>
      <c r="X20" s="55">
        <v>1046</v>
      </c>
      <c r="Y20" s="56">
        <v>2371</v>
      </c>
      <c r="Z20" s="56">
        <v>2836</v>
      </c>
      <c r="AA20" s="56">
        <v>-659</v>
      </c>
      <c r="AB20" s="56">
        <v>-983</v>
      </c>
      <c r="AC20" s="57">
        <v>185491</v>
      </c>
      <c r="AD20" s="57">
        <v>197491</v>
      </c>
      <c r="AE20" s="57">
        <v>207379</v>
      </c>
      <c r="AF20" s="58">
        <v>404870</v>
      </c>
    </row>
    <row r="21" spans="1:32" ht="20.100000000000001" customHeight="1" x14ac:dyDescent="0.2">
      <c r="A21" s="54">
        <v>4</v>
      </c>
      <c r="B21" s="55">
        <v>89</v>
      </c>
      <c r="C21" s="55">
        <v>95</v>
      </c>
      <c r="D21" s="56">
        <v>184</v>
      </c>
      <c r="E21" s="55">
        <v>194</v>
      </c>
      <c r="F21" s="55">
        <v>241</v>
      </c>
      <c r="G21" s="56">
        <v>435</v>
      </c>
      <c r="H21" s="56">
        <v>-251</v>
      </c>
      <c r="I21" s="55">
        <v>511</v>
      </c>
      <c r="J21" s="55">
        <v>246</v>
      </c>
      <c r="K21" s="55">
        <v>188</v>
      </c>
      <c r="L21" s="56">
        <v>434</v>
      </c>
      <c r="M21" s="55">
        <v>1122</v>
      </c>
      <c r="N21" s="55">
        <v>907</v>
      </c>
      <c r="O21" s="55">
        <v>592</v>
      </c>
      <c r="P21" s="56">
        <v>1499</v>
      </c>
      <c r="Q21" s="56">
        <v>1933</v>
      </c>
      <c r="R21" s="55">
        <v>448</v>
      </c>
      <c r="S21" s="55">
        <v>179</v>
      </c>
      <c r="T21" s="55">
        <v>127</v>
      </c>
      <c r="U21" s="56">
        <v>306</v>
      </c>
      <c r="V21" s="55">
        <v>609</v>
      </c>
      <c r="W21" s="55">
        <v>700</v>
      </c>
      <c r="X21" s="55">
        <v>518</v>
      </c>
      <c r="Y21" s="56">
        <v>1218</v>
      </c>
      <c r="Z21" s="56">
        <v>1524</v>
      </c>
      <c r="AA21" s="56">
        <v>409</v>
      </c>
      <c r="AB21" s="56">
        <v>158</v>
      </c>
      <c r="AC21" s="57">
        <v>186067</v>
      </c>
      <c r="AD21" s="57">
        <v>197660</v>
      </c>
      <c r="AE21" s="57">
        <v>207368</v>
      </c>
      <c r="AF21" s="58">
        <v>405028</v>
      </c>
    </row>
    <row r="22" spans="1:32" ht="20.100000000000001" customHeight="1" x14ac:dyDescent="0.2">
      <c r="A22" s="54">
        <v>5</v>
      </c>
      <c r="B22" s="55">
        <v>92</v>
      </c>
      <c r="C22" s="55">
        <v>115</v>
      </c>
      <c r="D22" s="56">
        <v>207</v>
      </c>
      <c r="E22" s="55">
        <v>216</v>
      </c>
      <c r="F22" s="55">
        <v>261</v>
      </c>
      <c r="G22" s="56">
        <v>477</v>
      </c>
      <c r="H22" s="56">
        <v>-270</v>
      </c>
      <c r="I22" s="55">
        <v>392</v>
      </c>
      <c r="J22" s="55">
        <v>144</v>
      </c>
      <c r="K22" s="55">
        <v>129</v>
      </c>
      <c r="L22" s="56">
        <v>273</v>
      </c>
      <c r="M22" s="55">
        <v>571</v>
      </c>
      <c r="N22" s="55">
        <v>449</v>
      </c>
      <c r="O22" s="55">
        <v>250</v>
      </c>
      <c r="P22" s="56">
        <v>699</v>
      </c>
      <c r="Q22" s="56">
        <v>972</v>
      </c>
      <c r="R22" s="55">
        <v>434</v>
      </c>
      <c r="S22" s="55">
        <v>109</v>
      </c>
      <c r="T22" s="55">
        <v>99</v>
      </c>
      <c r="U22" s="56">
        <v>208</v>
      </c>
      <c r="V22" s="55">
        <v>322</v>
      </c>
      <c r="W22" s="55">
        <v>336</v>
      </c>
      <c r="X22" s="55">
        <v>234</v>
      </c>
      <c r="Y22" s="56">
        <v>570</v>
      </c>
      <c r="Z22" s="56">
        <v>778</v>
      </c>
      <c r="AA22" s="56">
        <v>194</v>
      </c>
      <c r="AB22" s="56">
        <v>-76</v>
      </c>
      <c r="AC22" s="57">
        <v>186274</v>
      </c>
      <c r="AD22" s="57">
        <v>197684</v>
      </c>
      <c r="AE22" s="57">
        <v>207268</v>
      </c>
      <c r="AF22" s="58">
        <v>404952</v>
      </c>
    </row>
    <row r="23" spans="1:32" s="64" customFormat="1" ht="20.100000000000001" customHeight="1" x14ac:dyDescent="0.2">
      <c r="A23" s="59">
        <v>6</v>
      </c>
      <c r="B23" s="60">
        <v>94</v>
      </c>
      <c r="C23" s="60">
        <v>82</v>
      </c>
      <c r="D23" s="61">
        <v>176</v>
      </c>
      <c r="E23" s="60">
        <v>187</v>
      </c>
      <c r="F23" s="60">
        <v>214</v>
      </c>
      <c r="G23" s="61">
        <v>401</v>
      </c>
      <c r="H23" s="61">
        <v>-225</v>
      </c>
      <c r="I23" s="60">
        <v>376</v>
      </c>
      <c r="J23" s="60">
        <v>123</v>
      </c>
      <c r="K23" s="60">
        <v>115</v>
      </c>
      <c r="L23" s="61">
        <v>238</v>
      </c>
      <c r="M23" s="60">
        <v>430</v>
      </c>
      <c r="N23" s="60">
        <v>344</v>
      </c>
      <c r="O23" s="60">
        <v>222</v>
      </c>
      <c r="P23" s="61">
        <v>566</v>
      </c>
      <c r="Q23" s="61">
        <v>804</v>
      </c>
      <c r="R23" s="60">
        <v>355</v>
      </c>
      <c r="S23" s="60">
        <v>120</v>
      </c>
      <c r="T23" s="60">
        <v>94</v>
      </c>
      <c r="U23" s="61">
        <v>214</v>
      </c>
      <c r="V23" s="60">
        <v>323</v>
      </c>
      <c r="W23" s="60">
        <v>309</v>
      </c>
      <c r="X23" s="60">
        <v>213</v>
      </c>
      <c r="Y23" s="61">
        <v>522</v>
      </c>
      <c r="Z23" s="61">
        <v>736</v>
      </c>
      <c r="AA23" s="61">
        <v>68</v>
      </c>
      <c r="AB23" s="61">
        <v>-157</v>
      </c>
      <c r="AC23" s="62">
        <v>186402</v>
      </c>
      <c r="AD23" s="62">
        <v>197629</v>
      </c>
      <c r="AE23" s="62">
        <v>207166</v>
      </c>
      <c r="AF23" s="63">
        <v>404795</v>
      </c>
    </row>
    <row r="24" spans="1:32" ht="20.100000000000001" customHeight="1" x14ac:dyDescent="0.2">
      <c r="A24" s="54">
        <v>7</v>
      </c>
      <c r="B24" s="55">
        <v>98</v>
      </c>
      <c r="C24" s="55">
        <v>138</v>
      </c>
      <c r="D24" s="56">
        <v>236</v>
      </c>
      <c r="E24" s="55">
        <v>226</v>
      </c>
      <c r="F24" s="55">
        <v>190</v>
      </c>
      <c r="G24" s="56">
        <v>416</v>
      </c>
      <c r="H24" s="56">
        <v>-180</v>
      </c>
      <c r="I24" s="55">
        <v>398</v>
      </c>
      <c r="J24" s="55">
        <v>116</v>
      </c>
      <c r="K24" s="55">
        <v>125</v>
      </c>
      <c r="L24" s="56">
        <v>241</v>
      </c>
      <c r="M24" s="55">
        <v>618</v>
      </c>
      <c r="N24" s="55">
        <v>522</v>
      </c>
      <c r="O24" s="55">
        <v>312</v>
      </c>
      <c r="P24" s="56">
        <v>834</v>
      </c>
      <c r="Q24" s="56">
        <v>1075</v>
      </c>
      <c r="R24" s="55">
        <v>408</v>
      </c>
      <c r="S24" s="55">
        <v>124</v>
      </c>
      <c r="T24" s="55">
        <v>107</v>
      </c>
      <c r="U24" s="56">
        <v>231</v>
      </c>
      <c r="V24" s="55">
        <v>343</v>
      </c>
      <c r="W24" s="55">
        <v>319</v>
      </c>
      <c r="X24" s="55">
        <v>211</v>
      </c>
      <c r="Y24" s="56">
        <v>530</v>
      </c>
      <c r="Z24" s="56">
        <v>761</v>
      </c>
      <c r="AA24" s="56">
        <v>314</v>
      </c>
      <c r="AB24" s="56">
        <v>134</v>
      </c>
      <c r="AC24" s="57">
        <v>186667</v>
      </c>
      <c r="AD24" s="57">
        <v>197696</v>
      </c>
      <c r="AE24" s="57">
        <v>207233</v>
      </c>
      <c r="AF24" s="58">
        <v>404929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636</v>
      </c>
      <c r="C30" s="70">
        <v>700</v>
      </c>
      <c r="D30" s="70">
        <v>1336</v>
      </c>
      <c r="E30" s="70">
        <v>1611</v>
      </c>
      <c r="F30" s="70">
        <v>1621</v>
      </c>
      <c r="G30" s="70">
        <v>3232</v>
      </c>
      <c r="H30" s="70">
        <v>-1896</v>
      </c>
      <c r="I30" s="70">
        <v>2867</v>
      </c>
      <c r="J30" s="70">
        <v>1081</v>
      </c>
      <c r="K30" s="70">
        <v>1027</v>
      </c>
      <c r="L30" s="70">
        <v>2108</v>
      </c>
      <c r="M30" s="70">
        <v>4751</v>
      </c>
      <c r="N30" s="70">
        <v>3882</v>
      </c>
      <c r="O30" s="70">
        <v>2513</v>
      </c>
      <c r="P30" s="70">
        <v>6395</v>
      </c>
      <c r="Q30" s="70">
        <v>8503</v>
      </c>
      <c r="R30" s="70">
        <v>3000</v>
      </c>
      <c r="S30" s="70">
        <v>1028</v>
      </c>
      <c r="T30" s="70">
        <v>842</v>
      </c>
      <c r="U30" s="70">
        <v>1870</v>
      </c>
      <c r="V30" s="70">
        <v>3249</v>
      </c>
      <c r="W30" s="70">
        <v>3632</v>
      </c>
      <c r="X30" s="70">
        <v>2659</v>
      </c>
      <c r="Y30" s="70">
        <v>6291</v>
      </c>
      <c r="Z30" s="70">
        <v>8161</v>
      </c>
      <c r="AA30" s="70">
        <v>342</v>
      </c>
      <c r="AB30" s="70">
        <v>-1554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8-02T02:41:14Z</dcterms:created>
  <dcterms:modified xsi:type="dcterms:W3CDTF">2024-08-02T02:41:14Z</dcterms:modified>
</cp:coreProperties>
</file>